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725"/>
  <workbookPr defaultThemeVersion="166925"/>
  <mc:AlternateContent xmlns:mc="http://schemas.openxmlformats.org/markup-compatibility/2006">
    <mc:Choice Requires="x15">
      <x15ac:absPath xmlns:x15ac="http://schemas.microsoft.com/office/spreadsheetml/2010/11/ac" url="C:\Users\s3253\AppData\Local\Microsoft\Windows\INetCache\Content.Outlook\AE7ZVP0X\"/>
    </mc:Choice>
  </mc:AlternateContent>
  <xr:revisionPtr revIDLastSave="0" documentId="13_ncr:1_{CCC4CDFD-EA33-4838-9EED-2E4F8264AE8B}" xr6:coauthVersionLast="47" xr6:coauthVersionMax="47" xr10:uidLastSave="{00000000-0000-0000-0000-000000000000}"/>
  <bookViews>
    <workbookView xWindow="-110" yWindow="-110" windowWidth="19420" windowHeight="10300" xr2:uid="{55F89816-325B-41FF-B820-52C41322B262}"/>
  </bookViews>
  <sheets>
    <sheet name="35歳以上" sheetId="1" r:id="rId1"/>
  </sheets>
  <definedNames>
    <definedName name="_xlnm.Print_Area" localSheetId="0">'35歳以上'!$A$1:$Q$2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119" uniqueCount="47">
  <si>
    <t>協会けんぽ　生活習慣予防健診申込書</t>
    <rPh sb="0" eb="2">
      <t>キョウカイ</t>
    </rPh>
    <rPh sb="6" eb="8">
      <t>セイカツ</t>
    </rPh>
    <rPh sb="8" eb="10">
      <t>シュウカン</t>
    </rPh>
    <rPh sb="10" eb="12">
      <t>ヨボウ</t>
    </rPh>
    <rPh sb="12" eb="14">
      <t>ケンシン</t>
    </rPh>
    <rPh sb="14" eb="17">
      <t>モウシコミショ</t>
    </rPh>
    <phoneticPr fontId="1"/>
  </si>
  <si>
    <t>　</t>
    <phoneticPr fontId="1"/>
  </si>
  <si>
    <r>
      <t>全国健康保険協会</t>
    </r>
    <r>
      <rPr>
        <sz val="11"/>
        <color rgb="FFFF0000"/>
        <rFont val="游ゴシック"/>
        <family val="3"/>
        <charset val="128"/>
        <scheme val="minor"/>
      </rPr>
      <t>【　　　　　】</t>
    </r>
    <r>
      <rPr>
        <sz val="11"/>
        <color theme="1"/>
        <rFont val="游ゴシック"/>
        <family val="2"/>
        <charset val="128"/>
        <scheme val="minor"/>
      </rPr>
      <t>支部</t>
    </r>
    <rPh sb="0" eb="2">
      <t>ゼンコク</t>
    </rPh>
    <rPh sb="2" eb="4">
      <t>ケンコウ</t>
    </rPh>
    <rPh sb="4" eb="6">
      <t>ホケン</t>
    </rPh>
    <rPh sb="6" eb="8">
      <t>キョウカイ</t>
    </rPh>
    <rPh sb="15" eb="17">
      <t>シブ</t>
    </rPh>
    <phoneticPr fontId="1"/>
  </si>
  <si>
    <t>保険者番号</t>
    <rPh sb="0" eb="5">
      <t>ホケンシャバンゴウ</t>
    </rPh>
    <phoneticPr fontId="1"/>
  </si>
  <si>
    <t>記号</t>
    <rPh sb="0" eb="2">
      <t>キゴウ</t>
    </rPh>
    <phoneticPr fontId="1"/>
  </si>
  <si>
    <t>結果郵送先</t>
    <rPh sb="0" eb="2">
      <t>ケッカ</t>
    </rPh>
    <rPh sb="2" eb="4">
      <t>ユウソウ</t>
    </rPh>
    <rPh sb="4" eb="5">
      <t>サキ</t>
    </rPh>
    <phoneticPr fontId="1"/>
  </si>
  <si>
    <t>請求</t>
    <rPh sb="0" eb="2">
      <t>セイキュウ</t>
    </rPh>
    <phoneticPr fontId="1"/>
  </si>
  <si>
    <t>　会社　・　窓口</t>
    <rPh sb="1" eb="3">
      <t>カイシャ</t>
    </rPh>
    <rPh sb="6" eb="8">
      <t>マドグチ</t>
    </rPh>
    <phoneticPr fontId="1"/>
  </si>
  <si>
    <t>　会社　・　自宅</t>
    <rPh sb="1" eb="3">
      <t>カイシャ</t>
    </rPh>
    <rPh sb="6" eb="8">
      <t>ジタク</t>
    </rPh>
    <phoneticPr fontId="1"/>
  </si>
  <si>
    <t>名前</t>
    <rPh sb="0" eb="2">
      <t>ナマエ</t>
    </rPh>
    <phoneticPr fontId="1"/>
  </si>
  <si>
    <t>フリガナ</t>
    <phoneticPr fontId="1"/>
  </si>
  <si>
    <t>性別</t>
    <rPh sb="0" eb="2">
      <t>セイベツ</t>
    </rPh>
    <phoneticPr fontId="1"/>
  </si>
  <si>
    <t>健診の種類</t>
    <rPh sb="0" eb="2">
      <t>ケンシン</t>
    </rPh>
    <rPh sb="3" eb="5">
      <t>シュルイ</t>
    </rPh>
    <phoneticPr fontId="1"/>
  </si>
  <si>
    <t>健診希望日</t>
    <rPh sb="0" eb="2">
      <t>ケンシン</t>
    </rPh>
    <rPh sb="2" eb="5">
      <t>キボウビ</t>
    </rPh>
    <phoneticPr fontId="1"/>
  </si>
  <si>
    <t>一般健診</t>
    <rPh sb="0" eb="2">
      <t>イッパン</t>
    </rPh>
    <rPh sb="2" eb="4">
      <t>ケンシン</t>
    </rPh>
    <phoneticPr fontId="1"/>
  </si>
  <si>
    <t>乳がん検診</t>
    <rPh sb="0" eb="1">
      <t>ニュウ</t>
    </rPh>
    <rPh sb="3" eb="5">
      <t>ケンシン</t>
    </rPh>
    <phoneticPr fontId="1"/>
  </si>
  <si>
    <t>子宮頸がん検診</t>
    <rPh sb="0" eb="2">
      <t>シキュウ</t>
    </rPh>
    <rPh sb="2" eb="3">
      <t>ケイ</t>
    </rPh>
    <rPh sb="5" eb="7">
      <t>ケンシン</t>
    </rPh>
    <phoneticPr fontId="1"/>
  </si>
  <si>
    <t>会社名</t>
    <rPh sb="0" eb="3">
      <t>カイシャメイ</t>
    </rPh>
    <phoneticPr fontId="1"/>
  </si>
  <si>
    <t>住所</t>
    <rPh sb="0" eb="2">
      <t>ジュウショ</t>
    </rPh>
    <phoneticPr fontId="1"/>
  </si>
  <si>
    <t>電話番号</t>
    <rPh sb="0" eb="2">
      <t>デンワ</t>
    </rPh>
    <rPh sb="2" eb="4">
      <t>バンゴウ</t>
    </rPh>
    <phoneticPr fontId="1"/>
  </si>
  <si>
    <t>FAX番号</t>
    <rPh sb="3" eb="5">
      <t>バンゴウ</t>
    </rPh>
    <phoneticPr fontId="1"/>
  </si>
  <si>
    <t>担当者名</t>
    <rPh sb="0" eb="2">
      <t>タントウ</t>
    </rPh>
    <rPh sb="2" eb="3">
      <t>シャ</t>
    </rPh>
    <rPh sb="3" eb="4">
      <t>メイ</t>
    </rPh>
    <phoneticPr fontId="1"/>
  </si>
  <si>
    <t>〒</t>
    <phoneticPr fontId="1"/>
  </si>
  <si>
    <t>男 ・ 女</t>
    <rPh sb="0" eb="1">
      <t>オトコ</t>
    </rPh>
    <rPh sb="4" eb="5">
      <t>オンナ</t>
    </rPh>
    <phoneticPr fontId="1"/>
  </si>
  <si>
    <t>↓</t>
    <phoneticPr fontId="1"/>
  </si>
  <si>
    <t>＊当院初診の方は矢印の欄に〇を付けて下さい。</t>
    <rPh sb="1" eb="3">
      <t>トウイン</t>
    </rPh>
    <rPh sb="3" eb="5">
      <t>ショシン</t>
    </rPh>
    <rPh sb="6" eb="7">
      <t>カタ</t>
    </rPh>
    <rPh sb="8" eb="10">
      <t>ヤジルシ</t>
    </rPh>
    <rPh sb="11" eb="12">
      <t>ラン</t>
    </rPh>
    <rPh sb="15" eb="16">
      <t>ツ</t>
    </rPh>
    <rPh sb="18" eb="19">
      <t>クダ</t>
    </rPh>
    <phoneticPr fontId="1"/>
  </si>
  <si>
    <t>ｷｯﾄ郵送先</t>
    <rPh sb="3" eb="6">
      <t>ユウソウサキ</t>
    </rPh>
    <phoneticPr fontId="1"/>
  </si>
  <si>
    <t>【本社】</t>
    <rPh sb="1" eb="3">
      <t>ホンシャ</t>
    </rPh>
    <phoneticPr fontId="1"/>
  </si>
  <si>
    <t>＊支社等、本社と住所が別の場合はこちらの欄に別に記入して下さい。</t>
    <rPh sb="1" eb="3">
      <t>シシャ</t>
    </rPh>
    <rPh sb="3" eb="4">
      <t>トウ</t>
    </rPh>
    <rPh sb="5" eb="7">
      <t>ホンシャ</t>
    </rPh>
    <rPh sb="8" eb="10">
      <t>ジュウショ</t>
    </rPh>
    <rPh sb="11" eb="12">
      <t>ベツ</t>
    </rPh>
    <rPh sb="13" eb="15">
      <t>バアイ</t>
    </rPh>
    <rPh sb="20" eb="21">
      <t>ラン</t>
    </rPh>
    <rPh sb="22" eb="23">
      <t>ベツ</t>
    </rPh>
    <rPh sb="24" eb="26">
      <t>キニュウ</t>
    </rPh>
    <rPh sb="28" eb="29">
      <t>クダ</t>
    </rPh>
    <phoneticPr fontId="1"/>
  </si>
  <si>
    <t>節目健診</t>
    <rPh sb="0" eb="2">
      <t>フシメ</t>
    </rPh>
    <rPh sb="2" eb="4">
      <t>ケンシン</t>
    </rPh>
    <phoneticPr fontId="1"/>
  </si>
  <si>
    <t>（　　　　　　　）</t>
    <phoneticPr fontId="1"/>
  </si>
  <si>
    <t>若年健診</t>
    <rPh sb="0" eb="2">
      <t>ジャクネン</t>
    </rPh>
    <rPh sb="2" eb="4">
      <t>ケンシン</t>
    </rPh>
    <phoneticPr fontId="1"/>
  </si>
  <si>
    <t>（　　　　　　）</t>
  </si>
  <si>
    <t>（　　　　　　）</t>
    <phoneticPr fontId="1"/>
  </si>
  <si>
    <t>骨塩定量検査</t>
    <rPh sb="0" eb="6">
      <t>コツエンテイリョウケンサ</t>
    </rPh>
    <phoneticPr fontId="1"/>
  </si>
  <si>
    <t>受診希望健診に〇をつけてください(節目健診・骨塩定量検査・乳がん検診・子宮がん検診はオプション項目です）</t>
    <rPh sb="0" eb="2">
      <t>ジュシン</t>
    </rPh>
    <rPh sb="2" eb="4">
      <t>キボウ</t>
    </rPh>
    <rPh sb="4" eb="6">
      <t>ケンシン</t>
    </rPh>
    <rPh sb="17" eb="19">
      <t>フシメ</t>
    </rPh>
    <rPh sb="19" eb="21">
      <t>ケンシン</t>
    </rPh>
    <rPh sb="22" eb="28">
      <t>コツエンテイリョウケンサ</t>
    </rPh>
    <rPh sb="29" eb="30">
      <t>ニュウ</t>
    </rPh>
    <rPh sb="32" eb="34">
      <t>ケンシン</t>
    </rPh>
    <rPh sb="35" eb="37">
      <t>シキュウ</t>
    </rPh>
    <rPh sb="39" eb="41">
      <t>ケンシン</t>
    </rPh>
    <rPh sb="47" eb="49">
      <t>コウモク</t>
    </rPh>
    <phoneticPr fontId="1"/>
  </si>
  <si>
    <t>●各対象者(翌年4/1時点年齢）：一般健診(35～74歳)、節目健診(40･45･50･55･60･65･70歳)、若年健診(20･25･30歳)、骨塩定量･乳がん検診(40歳以上偶数年齢の女性)、子宮がん検診(36歳以上偶数年齢の女性)</t>
    <rPh sb="1" eb="5">
      <t>カクタイショウシャ</t>
    </rPh>
    <rPh sb="6" eb="8">
      <t>ヨクネン</t>
    </rPh>
    <rPh sb="11" eb="13">
      <t>ジテン</t>
    </rPh>
    <rPh sb="13" eb="15">
      <t>ネンレイ</t>
    </rPh>
    <rPh sb="17" eb="21">
      <t>イッパンケンシン</t>
    </rPh>
    <rPh sb="27" eb="28">
      <t>サイ</t>
    </rPh>
    <rPh sb="30" eb="34">
      <t>フシメケンシン</t>
    </rPh>
    <rPh sb="55" eb="56">
      <t>サイ</t>
    </rPh>
    <rPh sb="58" eb="62">
      <t>ジャクネンケンシン</t>
    </rPh>
    <rPh sb="71" eb="72">
      <t>サイ</t>
    </rPh>
    <rPh sb="74" eb="78">
      <t>コツエンテイリョウ</t>
    </rPh>
    <rPh sb="79" eb="80">
      <t>ニュウ</t>
    </rPh>
    <rPh sb="82" eb="84">
      <t>ケンシン</t>
    </rPh>
    <rPh sb="87" eb="90">
      <t>サイイジョウ</t>
    </rPh>
    <rPh sb="90" eb="94">
      <t>グウスウネンレイ</t>
    </rPh>
    <rPh sb="95" eb="97">
      <t>ジョセイ</t>
    </rPh>
    <rPh sb="99" eb="101">
      <t>シキュウ</t>
    </rPh>
    <rPh sb="103" eb="105">
      <t>ケンシン</t>
    </rPh>
    <rPh sb="108" eb="109">
      <t>サイ</t>
    </rPh>
    <rPh sb="109" eb="111">
      <t>イジョウ</t>
    </rPh>
    <rPh sb="111" eb="115">
      <t>グウスウネンレイ</t>
    </rPh>
    <rPh sb="116" eb="118">
      <t>ジョセイ</t>
    </rPh>
    <phoneticPr fontId="1"/>
  </si>
  <si>
    <t>●子宮がん検診、乳がん検診は提携の浜田病院にて健診同日午後よりご受診いただくようになります。</t>
    <rPh sb="1" eb="3">
      <t>シキュウ</t>
    </rPh>
    <rPh sb="5" eb="7">
      <t>ケンシン</t>
    </rPh>
    <rPh sb="8" eb="9">
      <t>ニュウ</t>
    </rPh>
    <rPh sb="11" eb="13">
      <t>ケンシン</t>
    </rPh>
    <rPh sb="14" eb="16">
      <t>テイケイ</t>
    </rPh>
    <rPh sb="17" eb="21">
      <t>ハマダビョウイン</t>
    </rPh>
    <rPh sb="23" eb="27">
      <t>ケンシンドウジツ</t>
    </rPh>
    <rPh sb="27" eb="29">
      <t>ゴゴ</t>
    </rPh>
    <rPh sb="32" eb="34">
      <t>ジュシン</t>
    </rPh>
    <phoneticPr fontId="1"/>
  </si>
  <si>
    <t>●35歳以下子宮がん検診単独受診希望の際は当院より予約はおこなっておりませんので、ご予約ご希望の医療機関へ直接ご予約をお取りください。</t>
    <rPh sb="3" eb="4">
      <t>サイ</t>
    </rPh>
    <rPh sb="4" eb="6">
      <t>イカ</t>
    </rPh>
    <rPh sb="6" eb="8">
      <t>シキュウ</t>
    </rPh>
    <rPh sb="10" eb="12">
      <t>ケンシン</t>
    </rPh>
    <rPh sb="12" eb="14">
      <t>タンドク</t>
    </rPh>
    <rPh sb="14" eb="18">
      <t>ジュシンキボウ</t>
    </rPh>
    <rPh sb="19" eb="20">
      <t>サイ</t>
    </rPh>
    <rPh sb="21" eb="23">
      <t>トウイン</t>
    </rPh>
    <rPh sb="25" eb="27">
      <t>ヨヤク</t>
    </rPh>
    <rPh sb="42" eb="44">
      <t>ヨヤク</t>
    </rPh>
    <rPh sb="45" eb="47">
      <t>キボウ</t>
    </rPh>
    <rPh sb="48" eb="52">
      <t>イリョウキカン</t>
    </rPh>
    <rPh sb="53" eb="55">
      <t>チョクセツ</t>
    </rPh>
    <rPh sb="56" eb="58">
      <t>ヨヤク</t>
    </rPh>
    <rPh sb="60" eb="61">
      <t>ト</t>
    </rPh>
    <phoneticPr fontId="1"/>
  </si>
  <si>
    <t>●R7年度までの付加健診の名称が、R8年度より節目健診へ変更になりました。検査内容に変更はありません。</t>
    <rPh sb="3" eb="5">
      <t>ネンド</t>
    </rPh>
    <rPh sb="8" eb="12">
      <t>フカケンシン</t>
    </rPh>
    <rPh sb="13" eb="15">
      <t>メイショウ</t>
    </rPh>
    <rPh sb="19" eb="21">
      <t>ネンド</t>
    </rPh>
    <rPh sb="23" eb="27">
      <t>フシメケンシン</t>
    </rPh>
    <rPh sb="28" eb="30">
      <t>ヘンコウ</t>
    </rPh>
    <rPh sb="37" eb="41">
      <t>ケンサナイヨウ</t>
    </rPh>
    <rPh sb="42" eb="44">
      <t>ヘンコウ</t>
    </rPh>
    <phoneticPr fontId="1"/>
  </si>
  <si>
    <t>●健診内容の詳細につきましては協会けんぽHPにてご確認いただきますようお願い致します。</t>
    <rPh sb="1" eb="5">
      <t>ケンシンナイヨウ</t>
    </rPh>
    <rPh sb="6" eb="8">
      <t>ショウサイ</t>
    </rPh>
    <rPh sb="15" eb="17">
      <t>キョウカイ</t>
    </rPh>
    <rPh sb="25" eb="27">
      <t>カクニン</t>
    </rPh>
    <rPh sb="36" eb="37">
      <t>ネガ</t>
    </rPh>
    <rPh sb="38" eb="39">
      <t>イタ</t>
    </rPh>
    <phoneticPr fontId="1"/>
  </si>
  <si>
    <t>●尿、便検査に影響がある為、女性の方は健診日が生理と重ならないよう設定をお願い致します。</t>
    <rPh sb="1" eb="2">
      <t>ニョウ</t>
    </rPh>
    <rPh sb="3" eb="6">
      <t>ベンケンサ</t>
    </rPh>
    <rPh sb="7" eb="9">
      <t>エイキョウ</t>
    </rPh>
    <rPh sb="12" eb="13">
      <t>タメ</t>
    </rPh>
    <rPh sb="14" eb="16">
      <t>ジョセイ</t>
    </rPh>
    <rPh sb="17" eb="18">
      <t>カタ</t>
    </rPh>
    <rPh sb="19" eb="22">
      <t>ケンシンビ</t>
    </rPh>
    <rPh sb="23" eb="25">
      <t>セイリ</t>
    </rPh>
    <rPh sb="26" eb="27">
      <t>カサ</t>
    </rPh>
    <rPh sb="33" eb="35">
      <t>セッテイ</t>
    </rPh>
    <phoneticPr fontId="1"/>
  </si>
  <si>
    <r>
      <t>生年月日(</t>
    </r>
    <r>
      <rPr>
        <sz val="9"/>
        <color rgb="FFFF0000"/>
        <rFont val="游ゴシック"/>
        <family val="3"/>
        <charset val="128"/>
        <scheme val="minor"/>
      </rPr>
      <t>西暦</t>
    </r>
    <r>
      <rPr>
        <sz val="9"/>
        <color theme="1"/>
        <rFont val="游ゴシック"/>
        <family val="2"/>
        <charset val="128"/>
        <scheme val="minor"/>
      </rPr>
      <t>)</t>
    </r>
    <rPh sb="0" eb="2">
      <t>セイネン</t>
    </rPh>
    <rPh sb="2" eb="4">
      <t>ガッピ</t>
    </rPh>
    <rPh sb="5" eb="7">
      <t>セイレキ</t>
    </rPh>
    <phoneticPr fontId="1"/>
  </si>
  <si>
    <t>保険証番号</t>
    <rPh sb="0" eb="3">
      <t>ホケンショウ</t>
    </rPh>
    <rPh sb="3" eb="5">
      <t>バンゴウ</t>
    </rPh>
    <phoneticPr fontId="1"/>
  </si>
  <si>
    <t>　　　　　　　　</t>
    <phoneticPr fontId="1"/>
  </si>
  <si>
    <t>＊協会けんぽ対象外年齢の方は下記空欄にご希望のｺｰｽを記入して下さい。</t>
    <rPh sb="20" eb="22">
      <t>キボウ</t>
    </rPh>
    <rPh sb="27" eb="29">
      <t>キニュウ</t>
    </rPh>
    <rPh sb="31" eb="32">
      <t>クダ</t>
    </rPh>
    <phoneticPr fontId="1"/>
  </si>
  <si>
    <t>●若年健診、骨塩定量検査はR8年度～新設です。</t>
    <rPh sb="1" eb="5">
      <t>ジャクネンケンシン</t>
    </rPh>
    <rPh sb="6" eb="12">
      <t>コツエンテイリョウケンサ</t>
    </rPh>
    <rPh sb="15" eb="17">
      <t>ネンド</t>
    </rPh>
    <rPh sb="18" eb="20">
      <t>シンセ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m&quot;月&quot;d&quot;日&quot;\(aaa\)"/>
  </numFmts>
  <fonts count="11">
    <font>
      <sz val="11"/>
      <color theme="1"/>
      <name val="游ゴシック"/>
      <family val="2"/>
      <charset val="128"/>
      <scheme val="minor"/>
    </font>
    <font>
      <sz val="6"/>
      <name val="游ゴシック"/>
      <family val="2"/>
      <charset val="128"/>
      <scheme val="minor"/>
    </font>
    <font>
      <sz val="14"/>
      <color theme="1"/>
      <name val="游ゴシック"/>
      <family val="3"/>
      <charset val="128"/>
      <scheme val="minor"/>
    </font>
    <font>
      <sz val="11"/>
      <color rgb="FFFF0000"/>
      <name val="游ゴシック"/>
      <family val="3"/>
      <charset val="128"/>
      <scheme val="minor"/>
    </font>
    <font>
      <sz val="9"/>
      <color theme="1"/>
      <name val="游ゴシック"/>
      <family val="3"/>
      <charset val="128"/>
      <scheme val="minor"/>
    </font>
    <font>
      <sz val="9"/>
      <color theme="1"/>
      <name val="游ゴシック"/>
      <family val="2"/>
      <charset val="128"/>
      <scheme val="minor"/>
    </font>
    <font>
      <sz val="9"/>
      <color rgb="FFFF0000"/>
      <name val="游ゴシック"/>
      <family val="3"/>
      <charset val="128"/>
      <scheme val="minor"/>
    </font>
    <font>
      <sz val="9"/>
      <color rgb="FFFF0000"/>
      <name val="游ゴシック"/>
      <family val="2"/>
      <charset val="128"/>
      <scheme val="minor"/>
    </font>
    <font>
      <sz val="8"/>
      <color rgb="FF00B0F0"/>
      <name val="游ゴシック"/>
      <family val="3"/>
      <charset val="128"/>
      <scheme val="minor"/>
    </font>
    <font>
      <sz val="8"/>
      <color theme="1"/>
      <name val="游ゴシック"/>
      <family val="2"/>
      <charset val="128"/>
      <scheme val="minor"/>
    </font>
    <font>
      <sz val="11"/>
      <color rgb="FFFF0000"/>
      <name val="AR P勘亭流H"/>
      <family val="3"/>
      <charset val="128"/>
    </font>
  </fonts>
  <fills count="3">
    <fill>
      <patternFill patternType="none"/>
    </fill>
    <fill>
      <patternFill patternType="gray125"/>
    </fill>
    <fill>
      <patternFill patternType="solid">
        <fgColor rgb="FFFFFF00"/>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diagonal/>
    </border>
  </borders>
  <cellStyleXfs count="1">
    <xf numFmtId="0" fontId="0" fillId="0" borderId="0">
      <alignment vertical="center"/>
    </xf>
  </cellStyleXfs>
  <cellXfs count="38">
    <xf numFmtId="0" fontId="0" fillId="0" borderId="0" xfId="0">
      <alignment vertical="center"/>
    </xf>
    <xf numFmtId="0" fontId="0" fillId="0" borderId="1" xfId="0" applyBorder="1">
      <alignment vertical="center"/>
    </xf>
    <xf numFmtId="0" fontId="0" fillId="0" borderId="1" xfId="0" applyBorder="1" applyAlignment="1">
      <alignment horizontal="center" vertical="center"/>
    </xf>
    <xf numFmtId="0" fontId="0" fillId="0" borderId="2" xfId="0" applyBorder="1">
      <alignment vertical="center"/>
    </xf>
    <xf numFmtId="0" fontId="0" fillId="0" borderId="3" xfId="0" applyBorder="1">
      <alignment vertical="center"/>
    </xf>
    <xf numFmtId="0" fontId="4" fillId="0" borderId="1" xfId="0" applyFont="1" applyBorder="1" applyAlignment="1">
      <alignment horizontal="center" vertical="center" wrapText="1"/>
    </xf>
    <xf numFmtId="0" fontId="0" fillId="0" borderId="7" xfId="0" applyBorder="1">
      <alignment vertical="center"/>
    </xf>
    <xf numFmtId="0" fontId="0" fillId="0" borderId="5" xfId="0" applyBorder="1">
      <alignment vertical="center"/>
    </xf>
    <xf numFmtId="0" fontId="0" fillId="0" borderId="8" xfId="0" applyBorder="1">
      <alignment vertical="center"/>
    </xf>
    <xf numFmtId="0" fontId="4" fillId="0" borderId="6" xfId="0" applyFont="1" applyBorder="1">
      <alignment vertical="center"/>
    </xf>
    <xf numFmtId="0" fontId="2" fillId="2" borderId="0" xfId="0" applyFont="1" applyFill="1">
      <alignment vertical="center"/>
    </xf>
    <xf numFmtId="0" fontId="0" fillId="2" borderId="0" xfId="0" applyFill="1">
      <alignment vertical="center"/>
    </xf>
    <xf numFmtId="0" fontId="4" fillId="0" borderId="1" xfId="0" applyFont="1" applyBorder="1">
      <alignment vertical="center"/>
    </xf>
    <xf numFmtId="0" fontId="5" fillId="0" borderId="1" xfId="0" applyFont="1" applyBorder="1">
      <alignment vertical="center"/>
    </xf>
    <xf numFmtId="0" fontId="5" fillId="0" borderId="3" xfId="0" applyFont="1" applyBorder="1">
      <alignment vertical="center"/>
    </xf>
    <xf numFmtId="0" fontId="5" fillId="0" borderId="1" xfId="0" applyFont="1" applyBorder="1" applyAlignment="1">
      <alignment horizontal="center" vertical="center"/>
    </xf>
    <xf numFmtId="0" fontId="4" fillId="0" borderId="1" xfId="0" applyFont="1" applyBorder="1" applyAlignment="1">
      <alignment horizontal="center" vertical="center"/>
    </xf>
    <xf numFmtId="0" fontId="6" fillId="0" borderId="0" xfId="0" applyFont="1">
      <alignment vertical="center"/>
    </xf>
    <xf numFmtId="0" fontId="7" fillId="0" borderId="0" xfId="0" applyFont="1">
      <alignment vertical="center"/>
    </xf>
    <xf numFmtId="0" fontId="3" fillId="0" borderId="1" xfId="0" applyFont="1" applyBorder="1">
      <alignment vertical="center"/>
    </xf>
    <xf numFmtId="0" fontId="0" fillId="0" borderId="9" xfId="0" applyBorder="1">
      <alignment vertical="center"/>
    </xf>
    <xf numFmtId="0" fontId="0" fillId="0" borderId="4" xfId="0" applyBorder="1">
      <alignment vertical="center"/>
    </xf>
    <xf numFmtId="0" fontId="6" fillId="0" borderId="2" xfId="0" applyFont="1" applyBorder="1">
      <alignment vertical="center"/>
    </xf>
    <xf numFmtId="0" fontId="6" fillId="0" borderId="11" xfId="0" applyFont="1" applyBorder="1">
      <alignment vertical="center"/>
    </xf>
    <xf numFmtId="0" fontId="8" fillId="0" borderId="8" xfId="0" applyFont="1" applyBorder="1">
      <alignment vertical="center"/>
    </xf>
    <xf numFmtId="0" fontId="3" fillId="0" borderId="6" xfId="0" applyFont="1" applyBorder="1">
      <alignment vertical="center"/>
    </xf>
    <xf numFmtId="0" fontId="3" fillId="0" borderId="7" xfId="0" applyFont="1" applyBorder="1">
      <alignment vertical="center"/>
    </xf>
    <xf numFmtId="0" fontId="3" fillId="0" borderId="10" xfId="0" applyFont="1" applyBorder="1">
      <alignment vertical="center"/>
    </xf>
    <xf numFmtId="0" fontId="9" fillId="0" borderId="1" xfId="0" applyFont="1" applyBorder="1" applyAlignment="1">
      <alignment horizontal="center" vertical="center"/>
    </xf>
    <xf numFmtId="176" fontId="0" fillId="0" borderId="1" xfId="0" applyNumberFormat="1" applyBorder="1">
      <alignment vertical="center"/>
    </xf>
    <xf numFmtId="0" fontId="10" fillId="0" borderId="1" xfId="0" applyFont="1" applyBorder="1" applyAlignment="1">
      <alignment horizontal="center" vertical="center"/>
    </xf>
    <xf numFmtId="0" fontId="0" fillId="0" borderId="1" xfId="0" applyBorder="1" applyAlignment="1">
      <alignment horizontal="center" vertical="center" wrapText="1"/>
    </xf>
    <xf numFmtId="0" fontId="8" fillId="0" borderId="1" xfId="0" applyFont="1" applyBorder="1" applyAlignment="1">
      <alignment vertical="center" wrapText="1"/>
    </xf>
    <xf numFmtId="0" fontId="6" fillId="0" borderId="3" xfId="0" applyFont="1" applyBorder="1" applyAlignment="1">
      <alignment vertical="center" wrapText="1"/>
    </xf>
    <xf numFmtId="0" fontId="6" fillId="0" borderId="9" xfId="0" applyFont="1" applyBorder="1" applyAlignment="1">
      <alignment vertical="center" wrapText="1"/>
    </xf>
    <xf numFmtId="0" fontId="6" fillId="0" borderId="4" xfId="0" applyFont="1" applyBorder="1" applyAlignment="1">
      <alignment vertical="center" wrapText="1"/>
    </xf>
    <xf numFmtId="0" fontId="0" fillId="0" borderId="1" xfId="0" applyBorder="1" applyAlignment="1">
      <alignment horizontal="left" vertical="center"/>
    </xf>
    <xf numFmtId="0" fontId="3" fillId="0" borderId="1"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977EAC-21DE-4B56-9FC0-C472286281F6}">
  <sheetPr>
    <tabColor rgb="FFFF0000"/>
    <pageSetUpPr fitToPage="1"/>
  </sheetPr>
  <dimension ref="A2:O29"/>
  <sheetViews>
    <sheetView tabSelected="1" topLeftCell="A17" zoomScale="83" zoomScaleNormal="83" workbookViewId="0">
      <selection activeCell="F25" sqref="F25"/>
    </sheetView>
  </sheetViews>
  <sheetFormatPr defaultRowHeight="18"/>
  <cols>
    <col min="1" max="1" width="2.33203125" customWidth="1"/>
    <col min="2" max="2" width="5.08203125" customWidth="1"/>
    <col min="3" max="3" width="7.83203125" customWidth="1"/>
    <col min="4" max="4" width="14" customWidth="1"/>
    <col min="5" max="5" width="13.25" customWidth="1"/>
    <col min="6" max="6" width="12.5" customWidth="1"/>
    <col min="7" max="7" width="8.33203125" customWidth="1"/>
    <col min="8" max="8" width="9.75" customWidth="1"/>
    <col min="9" max="9" width="8.75" customWidth="1"/>
    <col min="10" max="12" width="8.58203125" customWidth="1"/>
    <col min="13" max="13" width="11.33203125" customWidth="1"/>
    <col min="14" max="14" width="14.5" customWidth="1"/>
    <col min="15" max="15" width="22.75" customWidth="1"/>
  </cols>
  <sheetData>
    <row r="2" spans="1:15" ht="22.5">
      <c r="C2" s="10" t="s">
        <v>0</v>
      </c>
      <c r="D2" s="11"/>
      <c r="E2" s="11"/>
      <c r="F2" s="11"/>
    </row>
    <row r="3" spans="1:15">
      <c r="A3" t="s">
        <v>1</v>
      </c>
      <c r="C3" t="s">
        <v>2</v>
      </c>
    </row>
    <row r="4" spans="1:15" ht="16.5" customHeight="1">
      <c r="G4" t="s">
        <v>27</v>
      </c>
      <c r="M4" s="18" t="s">
        <v>28</v>
      </c>
    </row>
    <row r="5" spans="1:15" ht="23.15" customHeight="1">
      <c r="C5" s="12" t="s">
        <v>3</v>
      </c>
      <c r="D5" s="4"/>
      <c r="E5" s="3"/>
      <c r="F5" s="1" t="s">
        <v>17</v>
      </c>
      <c r="G5" s="4"/>
      <c r="H5" s="20"/>
      <c r="I5" s="20"/>
      <c r="J5" s="20"/>
      <c r="K5" s="21"/>
      <c r="L5" s="19" t="s">
        <v>17</v>
      </c>
      <c r="M5" s="4"/>
      <c r="N5" s="20"/>
      <c r="O5" s="21"/>
    </row>
    <row r="6" spans="1:15" ht="23.15" customHeight="1">
      <c r="C6" s="13" t="s">
        <v>4</v>
      </c>
      <c r="D6" s="4"/>
      <c r="E6" s="3"/>
      <c r="F6" s="36" t="s">
        <v>18</v>
      </c>
      <c r="G6" s="9" t="s">
        <v>22</v>
      </c>
      <c r="H6" s="6"/>
      <c r="I6" s="6"/>
      <c r="J6" s="6"/>
      <c r="K6" s="6"/>
      <c r="L6" s="37" t="s">
        <v>18</v>
      </c>
      <c r="M6" s="22" t="s">
        <v>22</v>
      </c>
      <c r="N6" s="17"/>
      <c r="O6" s="23"/>
    </row>
    <row r="7" spans="1:15" ht="23.15" customHeight="1">
      <c r="F7" s="36"/>
      <c r="G7" s="7"/>
      <c r="H7" s="8"/>
      <c r="I7" s="8"/>
      <c r="J7" s="8"/>
      <c r="K7" s="8"/>
      <c r="L7" s="37"/>
      <c r="M7" s="22"/>
      <c r="N7" s="17"/>
      <c r="O7" s="23"/>
    </row>
    <row r="8" spans="1:15" ht="23.15" customHeight="1">
      <c r="C8" s="13" t="s">
        <v>26</v>
      </c>
      <c r="D8" s="14" t="s">
        <v>8</v>
      </c>
      <c r="E8" s="3"/>
      <c r="F8" s="1" t="s">
        <v>19</v>
      </c>
      <c r="H8" t="s">
        <v>30</v>
      </c>
      <c r="I8" s="20"/>
      <c r="J8" s="20"/>
      <c r="K8" s="21"/>
      <c r="L8" s="19" t="s">
        <v>19</v>
      </c>
      <c r="M8" s="25"/>
      <c r="N8" s="26" t="s">
        <v>33</v>
      </c>
      <c r="O8" s="27"/>
    </row>
    <row r="9" spans="1:15" ht="23.15" customHeight="1">
      <c r="C9" s="13" t="s">
        <v>6</v>
      </c>
      <c r="D9" s="14" t="s">
        <v>7</v>
      </c>
      <c r="E9" s="3"/>
      <c r="F9" s="1" t="s">
        <v>20</v>
      </c>
      <c r="G9" s="4"/>
      <c r="H9" s="20" t="s">
        <v>30</v>
      </c>
      <c r="I9" s="20"/>
      <c r="J9" s="20"/>
      <c r="K9" s="21"/>
      <c r="L9" s="19" t="s">
        <v>20</v>
      </c>
      <c r="M9" s="25"/>
      <c r="N9" s="26" t="s">
        <v>32</v>
      </c>
      <c r="O9" s="27"/>
    </row>
    <row r="10" spans="1:15" ht="23.15" customHeight="1">
      <c r="C10" s="13" t="s">
        <v>5</v>
      </c>
      <c r="D10" s="13" t="s">
        <v>8</v>
      </c>
      <c r="F10" s="1" t="s">
        <v>21</v>
      </c>
      <c r="G10" s="4"/>
      <c r="H10" s="8"/>
      <c r="I10" s="20"/>
      <c r="J10" s="20"/>
      <c r="K10" s="21"/>
      <c r="L10" s="19" t="s">
        <v>21</v>
      </c>
      <c r="M10" s="4"/>
      <c r="N10" s="20"/>
      <c r="O10" s="21"/>
    </row>
    <row r="11" spans="1:15">
      <c r="B11" s="17" t="s">
        <v>25</v>
      </c>
      <c r="C11" s="17"/>
      <c r="D11" s="17"/>
      <c r="E11" s="17"/>
      <c r="M11" s="8"/>
      <c r="N11" s="24" t="s">
        <v>44</v>
      </c>
    </row>
    <row r="12" spans="1:15" ht="39">
      <c r="B12" s="30" t="s">
        <v>24</v>
      </c>
      <c r="C12" s="31" t="s">
        <v>43</v>
      </c>
      <c r="D12" s="2" t="s">
        <v>9</v>
      </c>
      <c r="E12" s="2" t="s">
        <v>10</v>
      </c>
      <c r="F12" s="15" t="s">
        <v>42</v>
      </c>
      <c r="G12" s="15" t="s">
        <v>11</v>
      </c>
      <c r="H12" s="1" t="s">
        <v>13</v>
      </c>
      <c r="I12" s="13" t="s">
        <v>12</v>
      </c>
      <c r="J12" s="33" t="s">
        <v>35</v>
      </c>
      <c r="K12" s="34"/>
      <c r="L12" s="34"/>
      <c r="M12" s="34"/>
      <c r="N12" s="35"/>
      <c r="O12" s="32" t="s">
        <v>45</v>
      </c>
    </row>
    <row r="13" spans="1:15" ht="22" customHeight="1">
      <c r="B13" s="1"/>
      <c r="C13" s="1"/>
      <c r="D13" s="1"/>
      <c r="E13" s="1"/>
      <c r="F13" s="1"/>
      <c r="G13" s="15" t="s">
        <v>23</v>
      </c>
      <c r="H13" s="29" t="s">
        <v>1</v>
      </c>
      <c r="I13" s="16" t="s">
        <v>14</v>
      </c>
      <c r="J13" s="15" t="s">
        <v>29</v>
      </c>
      <c r="K13" s="15" t="s">
        <v>31</v>
      </c>
      <c r="L13" s="28" t="s">
        <v>34</v>
      </c>
      <c r="M13" s="5" t="s">
        <v>15</v>
      </c>
      <c r="N13" s="5" t="s">
        <v>16</v>
      </c>
      <c r="O13" s="1"/>
    </row>
    <row r="14" spans="1:15" ht="22" customHeight="1">
      <c r="B14" s="1"/>
      <c r="C14" s="1"/>
      <c r="D14" s="1"/>
      <c r="E14" s="1"/>
      <c r="F14" s="1"/>
      <c r="G14" s="15" t="s">
        <v>23</v>
      </c>
      <c r="H14" s="29"/>
      <c r="I14" s="16" t="s">
        <v>14</v>
      </c>
      <c r="J14" s="15" t="s">
        <v>29</v>
      </c>
      <c r="K14" s="15" t="s">
        <v>31</v>
      </c>
      <c r="L14" s="28" t="s">
        <v>34</v>
      </c>
      <c r="M14" s="5" t="s">
        <v>15</v>
      </c>
      <c r="N14" s="5" t="s">
        <v>16</v>
      </c>
      <c r="O14" s="1"/>
    </row>
    <row r="15" spans="1:15" ht="22" customHeight="1">
      <c r="B15" s="1"/>
      <c r="C15" s="1"/>
      <c r="D15" s="1"/>
      <c r="E15" s="1"/>
      <c r="F15" s="1"/>
      <c r="G15" s="15" t="s">
        <v>23</v>
      </c>
      <c r="H15" s="29"/>
      <c r="I15" s="16" t="s">
        <v>14</v>
      </c>
      <c r="J15" s="15" t="s">
        <v>29</v>
      </c>
      <c r="K15" s="15" t="s">
        <v>31</v>
      </c>
      <c r="L15" s="28" t="s">
        <v>34</v>
      </c>
      <c r="M15" s="5" t="s">
        <v>15</v>
      </c>
      <c r="N15" s="5" t="s">
        <v>16</v>
      </c>
      <c r="O15" s="1"/>
    </row>
    <row r="16" spans="1:15" ht="22" customHeight="1">
      <c r="B16" s="1"/>
      <c r="C16" s="1"/>
      <c r="D16" s="1"/>
      <c r="E16" s="1"/>
      <c r="F16" s="1"/>
      <c r="G16" s="15" t="s">
        <v>23</v>
      </c>
      <c r="H16" s="29"/>
      <c r="I16" s="16" t="s">
        <v>14</v>
      </c>
      <c r="J16" s="15" t="s">
        <v>29</v>
      </c>
      <c r="K16" s="15" t="s">
        <v>31</v>
      </c>
      <c r="L16" s="28" t="s">
        <v>34</v>
      </c>
      <c r="M16" s="5" t="s">
        <v>15</v>
      </c>
      <c r="N16" s="5" t="s">
        <v>16</v>
      </c>
      <c r="O16" s="1"/>
    </row>
    <row r="17" spans="2:15" ht="22" customHeight="1">
      <c r="B17" s="1"/>
      <c r="C17" s="1"/>
      <c r="D17" s="1"/>
      <c r="E17" s="1"/>
      <c r="F17" s="1"/>
      <c r="G17" s="15" t="s">
        <v>23</v>
      </c>
      <c r="H17" s="29"/>
      <c r="I17" s="16" t="s">
        <v>14</v>
      </c>
      <c r="J17" s="15" t="s">
        <v>29</v>
      </c>
      <c r="K17" s="15" t="s">
        <v>31</v>
      </c>
      <c r="L17" s="28" t="s">
        <v>34</v>
      </c>
      <c r="M17" s="5" t="s">
        <v>15</v>
      </c>
      <c r="N17" s="5" t="s">
        <v>16</v>
      </c>
      <c r="O17" s="1"/>
    </row>
    <row r="18" spans="2:15" ht="22" customHeight="1">
      <c r="B18" s="1"/>
      <c r="C18" s="1"/>
      <c r="D18" s="1"/>
      <c r="E18" s="1"/>
      <c r="F18" s="1"/>
      <c r="G18" s="15" t="s">
        <v>23</v>
      </c>
      <c r="H18" s="29"/>
      <c r="I18" s="16" t="s">
        <v>14</v>
      </c>
      <c r="J18" s="15" t="s">
        <v>29</v>
      </c>
      <c r="K18" s="15" t="s">
        <v>31</v>
      </c>
      <c r="L18" s="28" t="s">
        <v>34</v>
      </c>
      <c r="M18" s="5" t="s">
        <v>15</v>
      </c>
      <c r="N18" s="5" t="s">
        <v>16</v>
      </c>
      <c r="O18" s="1"/>
    </row>
    <row r="19" spans="2:15" ht="22" customHeight="1">
      <c r="B19" s="1"/>
      <c r="C19" s="1"/>
      <c r="D19" s="1"/>
      <c r="E19" s="1"/>
      <c r="F19" s="1"/>
      <c r="G19" s="15" t="s">
        <v>23</v>
      </c>
      <c r="H19" s="29"/>
      <c r="I19" s="16" t="s">
        <v>14</v>
      </c>
      <c r="J19" s="15" t="s">
        <v>29</v>
      </c>
      <c r="K19" s="15" t="s">
        <v>31</v>
      </c>
      <c r="L19" s="28" t="s">
        <v>34</v>
      </c>
      <c r="M19" s="5" t="s">
        <v>15</v>
      </c>
      <c r="N19" s="5" t="s">
        <v>16</v>
      </c>
      <c r="O19" s="1"/>
    </row>
    <row r="20" spans="2:15" ht="22" customHeight="1">
      <c r="B20" s="1"/>
      <c r="C20" s="1"/>
      <c r="D20" s="1"/>
      <c r="E20" s="1"/>
      <c r="F20" s="1"/>
      <c r="G20" s="15" t="s">
        <v>23</v>
      </c>
      <c r="H20" s="29"/>
      <c r="I20" s="16" t="s">
        <v>14</v>
      </c>
      <c r="J20" s="15" t="s">
        <v>29</v>
      </c>
      <c r="K20" s="15" t="s">
        <v>31</v>
      </c>
      <c r="L20" s="28" t="s">
        <v>34</v>
      </c>
      <c r="M20" s="5" t="s">
        <v>15</v>
      </c>
      <c r="N20" s="5" t="s">
        <v>16</v>
      </c>
      <c r="O20" s="1"/>
    </row>
    <row r="21" spans="2:15" ht="22" customHeight="1">
      <c r="B21" s="1"/>
      <c r="C21" s="1"/>
      <c r="D21" s="1"/>
      <c r="E21" s="1"/>
      <c r="F21" s="1"/>
      <c r="G21" s="15" t="s">
        <v>23</v>
      </c>
      <c r="H21" s="29"/>
      <c r="I21" s="16" t="s">
        <v>14</v>
      </c>
      <c r="J21" s="15" t="s">
        <v>29</v>
      </c>
      <c r="K21" s="15" t="s">
        <v>31</v>
      </c>
      <c r="L21" s="28" t="s">
        <v>34</v>
      </c>
      <c r="M21" s="5" t="s">
        <v>15</v>
      </c>
      <c r="N21" s="5" t="s">
        <v>16</v>
      </c>
      <c r="O21" s="1"/>
    </row>
    <row r="22" spans="2:15" ht="22" customHeight="1">
      <c r="B22" s="1"/>
      <c r="C22" s="1"/>
      <c r="D22" s="1"/>
      <c r="E22" s="1"/>
      <c r="F22" s="1"/>
      <c r="G22" s="15" t="s">
        <v>23</v>
      </c>
      <c r="H22" s="29"/>
      <c r="I22" s="16" t="s">
        <v>14</v>
      </c>
      <c r="J22" s="15" t="s">
        <v>29</v>
      </c>
      <c r="K22" s="15" t="s">
        <v>31</v>
      </c>
      <c r="L22" s="28" t="s">
        <v>34</v>
      </c>
      <c r="M22" s="5" t="s">
        <v>15</v>
      </c>
      <c r="N22" s="5" t="s">
        <v>16</v>
      </c>
      <c r="O22" s="1"/>
    </row>
    <row r="23" spans="2:15" ht="22" customHeight="1">
      <c r="B23" t="s">
        <v>36</v>
      </c>
    </row>
    <row r="24" spans="2:15" ht="22" customHeight="1">
      <c r="B24" t="s">
        <v>39</v>
      </c>
    </row>
    <row r="25" spans="2:15" ht="22" customHeight="1">
      <c r="B25" t="s">
        <v>46</v>
      </c>
    </row>
    <row r="26" spans="2:15" ht="22" customHeight="1">
      <c r="B26" t="s">
        <v>37</v>
      </c>
    </row>
    <row r="27" spans="2:15" ht="22" customHeight="1">
      <c r="B27" t="s">
        <v>38</v>
      </c>
    </row>
    <row r="28" spans="2:15">
      <c r="B28" t="s">
        <v>40</v>
      </c>
    </row>
    <row r="29" spans="2:15">
      <c r="B29" t="s">
        <v>41</v>
      </c>
    </row>
  </sheetData>
  <mergeCells count="3">
    <mergeCell ref="J12:N12"/>
    <mergeCell ref="F6:F7"/>
    <mergeCell ref="L6:L7"/>
  </mergeCells>
  <phoneticPr fontId="1"/>
  <pageMargins left="0.25" right="0.25" top="0.75" bottom="0.75" header="0.3" footer="0.3"/>
  <pageSetup paperSize="9" scale="75" orientation="landscape" horizontalDpi="4294967293"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35歳以上</vt:lpstr>
      <vt:lpstr>'35歳以上'!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uzumori</dc:creator>
  <cp:lastModifiedBy>玲子 齊藤</cp:lastModifiedBy>
  <cp:lastPrinted>2026-03-10T05:08:55Z</cp:lastPrinted>
  <dcterms:created xsi:type="dcterms:W3CDTF">2019-10-24T07:22:24Z</dcterms:created>
  <dcterms:modified xsi:type="dcterms:W3CDTF">2026-03-10T05:49:22Z</dcterms:modified>
</cp:coreProperties>
</file>